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comprenant l'âge et le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A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Désagrégation sélectionnée. Pour en savoir plus sur le type Attribut, consultez la documentation DHIS2. Enfin, attribuez la bonne catégorie à la combinaison. Dans cet exemple, nous sélectionnons uniquement la catégorie "Age" et cliquons sur "Enregistrer".</a:t>
            </a:r>
          </a:p>
          <a:p>
            <a:endParaRPr dirty="0" lang="en-US"/>
          </a:p>
          <a:p txid="95fc5f0873fef43c4fd3f479cee0f812">
            <a:r>
              <a:rPr dirty="0" lang="en-US"/>
              <a:t>Répétons cette étape pour créer la deuxième combinaison de catégories de notre ensemble de données, la combinaison A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Age et Sexe, dans la colonne des catégories sélectionnées en double-cliquant dessus. Tout comme pour les options de catégorie, l'ordre des catégories dans la colonne sélectionnée es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